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_HP掲載データ\R3.9月(10月1日現在)\"/>
    </mc:Choice>
  </mc:AlternateContent>
  <xr:revisionPtr revIDLastSave="0" documentId="13_ncr:1_{FD056F6F-D6C9-4DAC-A1C6-6E62F042B24C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3年 9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5" xfId="1" applyFont="1" applyBorder="1" applyAlignment="1">
      <alignment horizontal="center" vertical="center"/>
    </xf>
    <xf numFmtId="38" fontId="19" fillId="0" borderId="16" xfId="1" applyFont="1" applyBorder="1" applyAlignment="1">
      <alignment horizontal="center" vertical="center"/>
    </xf>
    <xf numFmtId="38" fontId="19" fillId="0" borderId="17" xfId="1" applyFont="1" applyBorder="1" applyAlignment="1">
      <alignment horizontal="center" vertical="center"/>
    </xf>
    <xf numFmtId="38" fontId="19" fillId="0" borderId="18" xfId="1" applyFont="1" applyBorder="1" applyAlignment="1">
      <alignment horizontal="center" vertical="center"/>
    </xf>
    <xf numFmtId="38" fontId="19" fillId="0" borderId="19" xfId="1" applyFont="1" applyBorder="1" applyAlignment="1">
      <alignment horizontal="center" vertical="center"/>
    </xf>
    <xf numFmtId="38" fontId="19" fillId="0" borderId="20" xfId="1" applyFont="1" applyBorder="1" applyAlignment="1">
      <alignment horizontal="center" vertical="center"/>
    </xf>
    <xf numFmtId="38" fontId="19" fillId="0" borderId="21" xfId="1" applyFont="1" applyBorder="1" applyAlignment="1">
      <alignment horizontal="center" vertical="center"/>
    </xf>
    <xf numFmtId="38" fontId="19" fillId="0" borderId="22" xfId="1" applyFont="1" applyBorder="1" applyAlignment="1">
      <alignment horizontal="center" vertical="center"/>
    </xf>
    <xf numFmtId="38" fontId="19" fillId="0" borderId="23" xfId="1" applyFont="1" applyBorder="1" applyAlignment="1">
      <alignment horizontal="center" vertical="center"/>
    </xf>
    <xf numFmtId="0" fontId="19" fillId="0" borderId="24" xfId="0" applyFont="1" applyBorder="1" applyAlignment="1">
      <alignment horizontal="center" vertical="center"/>
    </xf>
    <xf numFmtId="0" fontId="19" fillId="0" borderId="25" xfId="0" applyFont="1" applyBorder="1" applyAlignment="1">
      <alignment horizontal="center" vertical="center"/>
    </xf>
    <xf numFmtId="0" fontId="19" fillId="0" borderId="26" xfId="0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5" t="s">
        <v>52</v>
      </c>
      <c r="B1" s="15"/>
      <c r="C1" s="15"/>
      <c r="D1" s="15"/>
      <c r="E1" s="15"/>
      <c r="F1" s="15"/>
      <c r="G1" s="15"/>
      <c r="H1" s="15"/>
      <c r="I1" s="15"/>
      <c r="J1" s="15"/>
      <c r="K1" s="15"/>
      <c r="L1" s="15"/>
      <c r="M1" s="15"/>
      <c r="N1" s="15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25" t="s">
        <v>38</v>
      </c>
      <c r="B4" s="16" t="s">
        <v>45</v>
      </c>
      <c r="C4" s="17"/>
      <c r="D4" s="17"/>
      <c r="E4" s="18"/>
      <c r="F4" s="22" t="s">
        <v>46</v>
      </c>
      <c r="G4" s="23"/>
      <c r="H4" s="23"/>
      <c r="I4" s="23"/>
      <c r="J4" s="23"/>
      <c r="K4" s="23"/>
      <c r="L4" s="23"/>
      <c r="M4" s="23"/>
      <c r="N4" s="24"/>
    </row>
    <row r="5" spans="1:14" ht="15" customHeight="1" x14ac:dyDescent="0.4">
      <c r="A5" s="26"/>
      <c r="B5" s="19"/>
      <c r="C5" s="20"/>
      <c r="D5" s="20"/>
      <c r="E5" s="21"/>
      <c r="F5" s="22" t="s">
        <v>47</v>
      </c>
      <c r="G5" s="23"/>
      <c r="H5" s="24"/>
      <c r="I5" s="22" t="s">
        <v>48</v>
      </c>
      <c r="J5" s="23"/>
      <c r="K5" s="24"/>
      <c r="L5" s="22" t="s">
        <v>49</v>
      </c>
      <c r="M5" s="23"/>
      <c r="N5" s="24"/>
    </row>
    <row r="6" spans="1:14" ht="15" customHeight="1" x14ac:dyDescent="0.4">
      <c r="A6" s="27"/>
      <c r="B6" s="5" t="s">
        <v>42</v>
      </c>
      <c r="C6" s="6" t="s">
        <v>43</v>
      </c>
      <c r="D6" s="12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82</v>
      </c>
      <c r="C7" s="9">
        <v>6</v>
      </c>
      <c r="D7" s="13">
        <v>5</v>
      </c>
      <c r="E7" s="10">
        <v>1093</v>
      </c>
      <c r="F7" s="8">
        <v>1161</v>
      </c>
      <c r="G7" s="9">
        <v>1203</v>
      </c>
      <c r="H7" s="10">
        <v>2364</v>
      </c>
      <c r="I7" s="8">
        <v>7</v>
      </c>
      <c r="J7" s="9">
        <v>5</v>
      </c>
      <c r="K7" s="10">
        <v>12</v>
      </c>
      <c r="L7" s="8">
        <v>1168</v>
      </c>
      <c r="M7" s="9">
        <v>1208</v>
      </c>
      <c r="N7" s="10">
        <v>2376</v>
      </c>
    </row>
    <row r="8" spans="1:14" ht="18" customHeight="1" x14ac:dyDescent="0.4">
      <c r="A8" s="2" t="s">
        <v>1</v>
      </c>
      <c r="B8" s="8">
        <v>490</v>
      </c>
      <c r="C8" s="9">
        <v>9</v>
      </c>
      <c r="D8" s="13">
        <v>6</v>
      </c>
      <c r="E8" s="10">
        <v>505</v>
      </c>
      <c r="F8" s="8">
        <v>434</v>
      </c>
      <c r="G8" s="9">
        <v>397</v>
      </c>
      <c r="H8" s="10">
        <v>831</v>
      </c>
      <c r="I8" s="8">
        <v>16</v>
      </c>
      <c r="J8" s="9">
        <v>1</v>
      </c>
      <c r="K8" s="10">
        <v>17</v>
      </c>
      <c r="L8" s="8">
        <v>450</v>
      </c>
      <c r="M8" s="9">
        <v>398</v>
      </c>
      <c r="N8" s="10">
        <v>848</v>
      </c>
    </row>
    <row r="9" spans="1:14" ht="18" customHeight="1" x14ac:dyDescent="0.4">
      <c r="A9" s="2" t="s">
        <v>2</v>
      </c>
      <c r="B9" s="8">
        <v>2288</v>
      </c>
      <c r="C9" s="9">
        <v>17</v>
      </c>
      <c r="D9" s="13">
        <v>10</v>
      </c>
      <c r="E9" s="10">
        <v>2315</v>
      </c>
      <c r="F9" s="8">
        <v>2178</v>
      </c>
      <c r="G9" s="9">
        <v>2166</v>
      </c>
      <c r="H9" s="10">
        <v>4344</v>
      </c>
      <c r="I9" s="8">
        <v>17</v>
      </c>
      <c r="J9" s="9">
        <v>15</v>
      </c>
      <c r="K9" s="10">
        <v>32</v>
      </c>
      <c r="L9" s="8">
        <v>2195</v>
      </c>
      <c r="M9" s="9">
        <v>2181</v>
      </c>
      <c r="N9" s="10">
        <v>4376</v>
      </c>
    </row>
    <row r="10" spans="1:14" ht="18" customHeight="1" x14ac:dyDescent="0.4">
      <c r="A10" s="2" t="s">
        <v>3</v>
      </c>
      <c r="B10" s="8">
        <v>2323</v>
      </c>
      <c r="C10" s="9">
        <v>22</v>
      </c>
      <c r="D10" s="13">
        <v>31</v>
      </c>
      <c r="E10" s="10">
        <v>2376</v>
      </c>
      <c r="F10" s="8">
        <v>2311</v>
      </c>
      <c r="G10" s="9">
        <v>2486</v>
      </c>
      <c r="H10" s="10">
        <v>4797</v>
      </c>
      <c r="I10" s="8">
        <v>38</v>
      </c>
      <c r="J10" s="9">
        <v>31</v>
      </c>
      <c r="K10" s="10">
        <v>69</v>
      </c>
      <c r="L10" s="8">
        <v>2349</v>
      </c>
      <c r="M10" s="9">
        <v>2517</v>
      </c>
      <c r="N10" s="10">
        <v>4866</v>
      </c>
    </row>
    <row r="11" spans="1:14" ht="18" customHeight="1" x14ac:dyDescent="0.4">
      <c r="A11" s="2" t="s">
        <v>4</v>
      </c>
      <c r="B11" s="8">
        <v>1074</v>
      </c>
      <c r="C11" s="9">
        <v>4</v>
      </c>
      <c r="D11" s="13">
        <v>3</v>
      </c>
      <c r="E11" s="10">
        <v>1081</v>
      </c>
      <c r="F11" s="8">
        <v>921</v>
      </c>
      <c r="G11" s="9">
        <v>1069</v>
      </c>
      <c r="H11" s="10">
        <v>1990</v>
      </c>
      <c r="I11" s="8">
        <v>7</v>
      </c>
      <c r="J11" s="9">
        <v>1</v>
      </c>
      <c r="K11" s="10">
        <v>8</v>
      </c>
      <c r="L11" s="8">
        <v>928</v>
      </c>
      <c r="M11" s="9">
        <v>1070</v>
      </c>
      <c r="N11" s="10">
        <v>1998</v>
      </c>
    </row>
    <row r="12" spans="1:14" ht="18" customHeight="1" x14ac:dyDescent="0.4">
      <c r="A12" s="2" t="s">
        <v>5</v>
      </c>
      <c r="B12" s="8">
        <v>735</v>
      </c>
      <c r="C12" s="9">
        <v>5</v>
      </c>
      <c r="D12" s="13">
        <v>3</v>
      </c>
      <c r="E12" s="10">
        <v>743</v>
      </c>
      <c r="F12" s="8">
        <v>689</v>
      </c>
      <c r="G12" s="9">
        <v>727</v>
      </c>
      <c r="H12" s="10">
        <v>1416</v>
      </c>
      <c r="I12" s="8">
        <v>11</v>
      </c>
      <c r="J12" s="9">
        <v>9</v>
      </c>
      <c r="K12" s="10">
        <v>20</v>
      </c>
      <c r="L12" s="8">
        <v>700</v>
      </c>
      <c r="M12" s="9">
        <v>736</v>
      </c>
      <c r="N12" s="10">
        <v>1436</v>
      </c>
    </row>
    <row r="13" spans="1:14" ht="18" customHeight="1" x14ac:dyDescent="0.4">
      <c r="A13" s="2" t="s">
        <v>6</v>
      </c>
      <c r="B13" s="8">
        <v>669</v>
      </c>
      <c r="C13" s="9">
        <v>4</v>
      </c>
      <c r="D13" s="13">
        <v>4</v>
      </c>
      <c r="E13" s="10">
        <v>677</v>
      </c>
      <c r="F13" s="8">
        <v>721</v>
      </c>
      <c r="G13" s="9">
        <v>681</v>
      </c>
      <c r="H13" s="10">
        <v>1402</v>
      </c>
      <c r="I13" s="8">
        <v>8</v>
      </c>
      <c r="J13" s="9">
        <v>4</v>
      </c>
      <c r="K13" s="10">
        <v>12</v>
      </c>
      <c r="L13" s="8">
        <v>729</v>
      </c>
      <c r="M13" s="9">
        <v>685</v>
      </c>
      <c r="N13" s="10">
        <v>1414</v>
      </c>
    </row>
    <row r="14" spans="1:14" ht="18" customHeight="1" x14ac:dyDescent="0.4">
      <c r="A14" s="2" t="s">
        <v>7</v>
      </c>
      <c r="B14" s="8">
        <v>328</v>
      </c>
      <c r="C14" s="9">
        <v>10</v>
      </c>
      <c r="D14" s="13">
        <v>3</v>
      </c>
      <c r="E14" s="10">
        <v>341</v>
      </c>
      <c r="F14" s="8">
        <v>338</v>
      </c>
      <c r="G14" s="9">
        <v>407</v>
      </c>
      <c r="H14" s="10">
        <v>745</v>
      </c>
      <c r="I14" s="8">
        <v>10</v>
      </c>
      <c r="J14" s="9">
        <v>6</v>
      </c>
      <c r="K14" s="10">
        <v>16</v>
      </c>
      <c r="L14" s="8">
        <v>348</v>
      </c>
      <c r="M14" s="9">
        <v>413</v>
      </c>
      <c r="N14" s="10">
        <v>761</v>
      </c>
    </row>
    <row r="15" spans="1:14" ht="18" customHeight="1" x14ac:dyDescent="0.4">
      <c r="A15" s="2" t="s">
        <v>8</v>
      </c>
      <c r="B15" s="8">
        <v>1486</v>
      </c>
      <c r="C15" s="9">
        <v>53</v>
      </c>
      <c r="D15" s="13">
        <v>16</v>
      </c>
      <c r="E15" s="10">
        <v>1555</v>
      </c>
      <c r="F15" s="8">
        <v>1226</v>
      </c>
      <c r="G15" s="9">
        <v>1225</v>
      </c>
      <c r="H15" s="10">
        <v>2451</v>
      </c>
      <c r="I15" s="8">
        <v>53</v>
      </c>
      <c r="J15" s="9">
        <v>35</v>
      </c>
      <c r="K15" s="10">
        <v>88</v>
      </c>
      <c r="L15" s="8">
        <v>1279</v>
      </c>
      <c r="M15" s="9">
        <v>1260</v>
      </c>
      <c r="N15" s="10">
        <v>2539</v>
      </c>
    </row>
    <row r="16" spans="1:14" ht="18" customHeight="1" x14ac:dyDescent="0.4">
      <c r="A16" s="2" t="s">
        <v>9</v>
      </c>
      <c r="B16" s="8">
        <v>3191</v>
      </c>
      <c r="C16" s="9">
        <v>57</v>
      </c>
      <c r="D16" s="13">
        <v>32</v>
      </c>
      <c r="E16" s="10">
        <v>3280</v>
      </c>
      <c r="F16" s="8">
        <v>3090</v>
      </c>
      <c r="G16" s="9">
        <v>3463</v>
      </c>
      <c r="H16" s="10">
        <v>6553</v>
      </c>
      <c r="I16" s="8">
        <v>60</v>
      </c>
      <c r="J16" s="9">
        <v>65</v>
      </c>
      <c r="K16" s="10">
        <v>125</v>
      </c>
      <c r="L16" s="8">
        <v>3150</v>
      </c>
      <c r="M16" s="9">
        <v>3528</v>
      </c>
      <c r="N16" s="10">
        <v>6678</v>
      </c>
    </row>
    <row r="17" spans="1:14" ht="18" customHeight="1" x14ac:dyDescent="0.4">
      <c r="A17" s="2" t="s">
        <v>10</v>
      </c>
      <c r="B17" s="8">
        <v>1873</v>
      </c>
      <c r="C17" s="9">
        <v>45</v>
      </c>
      <c r="D17" s="13">
        <v>16</v>
      </c>
      <c r="E17" s="10">
        <v>1934</v>
      </c>
      <c r="F17" s="8">
        <v>1785</v>
      </c>
      <c r="G17" s="9">
        <v>1893</v>
      </c>
      <c r="H17" s="10">
        <v>3678</v>
      </c>
      <c r="I17" s="8">
        <v>52</v>
      </c>
      <c r="J17" s="9">
        <v>20</v>
      </c>
      <c r="K17" s="10">
        <v>72</v>
      </c>
      <c r="L17" s="8">
        <v>1837</v>
      </c>
      <c r="M17" s="9">
        <v>1913</v>
      </c>
      <c r="N17" s="10">
        <v>3750</v>
      </c>
    </row>
    <row r="18" spans="1:14" ht="18" customHeight="1" x14ac:dyDescent="0.4">
      <c r="A18" s="2" t="s">
        <v>11</v>
      </c>
      <c r="B18" s="8">
        <v>644</v>
      </c>
      <c r="C18" s="9">
        <v>4</v>
      </c>
      <c r="D18" s="13">
        <v>1</v>
      </c>
      <c r="E18" s="10">
        <v>649</v>
      </c>
      <c r="F18" s="8">
        <v>625</v>
      </c>
      <c r="G18" s="9">
        <v>618</v>
      </c>
      <c r="H18" s="10">
        <v>1243</v>
      </c>
      <c r="I18" s="8">
        <v>5</v>
      </c>
      <c r="J18" s="9">
        <v>0</v>
      </c>
      <c r="K18" s="10">
        <v>5</v>
      </c>
      <c r="L18" s="8">
        <v>630</v>
      </c>
      <c r="M18" s="9">
        <v>618</v>
      </c>
      <c r="N18" s="10">
        <v>1248</v>
      </c>
    </row>
    <row r="19" spans="1:14" ht="18" customHeight="1" x14ac:dyDescent="0.4">
      <c r="A19" s="2" t="s">
        <v>12</v>
      </c>
      <c r="B19" s="8">
        <v>2269</v>
      </c>
      <c r="C19" s="9">
        <v>22</v>
      </c>
      <c r="D19" s="13">
        <v>18</v>
      </c>
      <c r="E19" s="10">
        <v>2309</v>
      </c>
      <c r="F19" s="8">
        <v>2183</v>
      </c>
      <c r="G19" s="9">
        <v>2393</v>
      </c>
      <c r="H19" s="10">
        <v>4576</v>
      </c>
      <c r="I19" s="8">
        <v>28</v>
      </c>
      <c r="J19" s="9">
        <v>15</v>
      </c>
      <c r="K19" s="10">
        <v>43</v>
      </c>
      <c r="L19" s="8">
        <v>2211</v>
      </c>
      <c r="M19" s="9">
        <v>2408</v>
      </c>
      <c r="N19" s="10">
        <v>4619</v>
      </c>
    </row>
    <row r="20" spans="1:14" ht="18" customHeight="1" x14ac:dyDescent="0.4">
      <c r="A20" s="2" t="s">
        <v>13</v>
      </c>
      <c r="B20" s="8">
        <v>1641</v>
      </c>
      <c r="C20" s="9">
        <v>12</v>
      </c>
      <c r="D20" s="13">
        <v>15</v>
      </c>
      <c r="E20" s="10">
        <v>1668</v>
      </c>
      <c r="F20" s="8">
        <v>1941</v>
      </c>
      <c r="G20" s="9">
        <v>2054</v>
      </c>
      <c r="H20" s="10">
        <v>3995</v>
      </c>
      <c r="I20" s="8">
        <v>25</v>
      </c>
      <c r="J20" s="9">
        <v>14</v>
      </c>
      <c r="K20" s="10">
        <v>39</v>
      </c>
      <c r="L20" s="8">
        <v>1966</v>
      </c>
      <c r="M20" s="9">
        <v>2068</v>
      </c>
      <c r="N20" s="10">
        <v>4034</v>
      </c>
    </row>
    <row r="21" spans="1:14" ht="18" customHeight="1" x14ac:dyDescent="0.4">
      <c r="A21" s="2" t="s">
        <v>14</v>
      </c>
      <c r="B21" s="8">
        <v>1143</v>
      </c>
      <c r="C21" s="9">
        <v>40</v>
      </c>
      <c r="D21" s="13">
        <v>12</v>
      </c>
      <c r="E21" s="10">
        <v>1195</v>
      </c>
      <c r="F21" s="8">
        <v>1100</v>
      </c>
      <c r="G21" s="9">
        <v>1254</v>
      </c>
      <c r="H21" s="10">
        <v>2354</v>
      </c>
      <c r="I21" s="8">
        <v>42</v>
      </c>
      <c r="J21" s="9">
        <v>22</v>
      </c>
      <c r="K21" s="10">
        <v>64</v>
      </c>
      <c r="L21" s="8">
        <v>1142</v>
      </c>
      <c r="M21" s="9">
        <v>1276</v>
      </c>
      <c r="N21" s="10">
        <v>2418</v>
      </c>
    </row>
    <row r="22" spans="1:14" ht="18" customHeight="1" x14ac:dyDescent="0.4">
      <c r="A22" s="2" t="s">
        <v>15</v>
      </c>
      <c r="B22" s="8">
        <v>1001</v>
      </c>
      <c r="C22" s="9">
        <v>12</v>
      </c>
      <c r="D22" s="13">
        <v>10</v>
      </c>
      <c r="E22" s="10">
        <v>1023</v>
      </c>
      <c r="F22" s="8">
        <v>1008</v>
      </c>
      <c r="G22" s="9">
        <v>1056</v>
      </c>
      <c r="H22" s="10">
        <v>2064</v>
      </c>
      <c r="I22" s="8">
        <v>22</v>
      </c>
      <c r="J22" s="9">
        <v>12</v>
      </c>
      <c r="K22" s="10">
        <v>34</v>
      </c>
      <c r="L22" s="8">
        <v>1030</v>
      </c>
      <c r="M22" s="9">
        <v>1068</v>
      </c>
      <c r="N22" s="10">
        <v>2098</v>
      </c>
    </row>
    <row r="23" spans="1:14" ht="18" customHeight="1" x14ac:dyDescent="0.4">
      <c r="A23" s="2" t="s">
        <v>16</v>
      </c>
      <c r="B23" s="8">
        <v>2060</v>
      </c>
      <c r="C23" s="9">
        <v>15</v>
      </c>
      <c r="D23" s="13">
        <v>12</v>
      </c>
      <c r="E23" s="10">
        <v>2087</v>
      </c>
      <c r="F23" s="8">
        <v>2377</v>
      </c>
      <c r="G23" s="9">
        <v>2559</v>
      </c>
      <c r="H23" s="10">
        <v>4936</v>
      </c>
      <c r="I23" s="8">
        <v>21</v>
      </c>
      <c r="J23" s="9">
        <v>19</v>
      </c>
      <c r="K23" s="10">
        <v>40</v>
      </c>
      <c r="L23" s="8">
        <v>2398</v>
      </c>
      <c r="M23" s="9">
        <v>2578</v>
      </c>
      <c r="N23" s="10">
        <v>4976</v>
      </c>
    </row>
    <row r="24" spans="1:14" ht="18" customHeight="1" x14ac:dyDescent="0.4">
      <c r="A24" s="2" t="s">
        <v>17</v>
      </c>
      <c r="B24" s="8">
        <v>4925</v>
      </c>
      <c r="C24" s="9">
        <v>44</v>
      </c>
      <c r="D24" s="13">
        <v>35</v>
      </c>
      <c r="E24" s="10">
        <v>5004</v>
      </c>
      <c r="F24" s="8">
        <v>5829</v>
      </c>
      <c r="G24" s="9">
        <v>6318</v>
      </c>
      <c r="H24" s="10">
        <v>12147</v>
      </c>
      <c r="I24" s="8">
        <v>61</v>
      </c>
      <c r="J24" s="9">
        <v>40</v>
      </c>
      <c r="K24" s="10">
        <v>101</v>
      </c>
      <c r="L24" s="8">
        <v>5890</v>
      </c>
      <c r="M24" s="9">
        <v>6358</v>
      </c>
      <c r="N24" s="10">
        <v>12248</v>
      </c>
    </row>
    <row r="25" spans="1:14" ht="18" customHeight="1" x14ac:dyDescent="0.4">
      <c r="A25" s="2" t="s">
        <v>18</v>
      </c>
      <c r="B25" s="8">
        <v>2633</v>
      </c>
      <c r="C25" s="9">
        <v>30</v>
      </c>
      <c r="D25" s="13">
        <v>16</v>
      </c>
      <c r="E25" s="10">
        <v>2679</v>
      </c>
      <c r="F25" s="8">
        <v>3137</v>
      </c>
      <c r="G25" s="9">
        <v>3254</v>
      </c>
      <c r="H25" s="10">
        <v>6391</v>
      </c>
      <c r="I25" s="8">
        <v>34</v>
      </c>
      <c r="J25" s="9">
        <v>29</v>
      </c>
      <c r="K25" s="10">
        <v>63</v>
      </c>
      <c r="L25" s="8">
        <v>3171</v>
      </c>
      <c r="M25" s="9">
        <v>3283</v>
      </c>
      <c r="N25" s="10">
        <v>6454</v>
      </c>
    </row>
    <row r="26" spans="1:14" ht="18" customHeight="1" x14ac:dyDescent="0.4">
      <c r="A26" s="2" t="s">
        <v>19</v>
      </c>
      <c r="B26" s="8">
        <v>218</v>
      </c>
      <c r="C26" s="9">
        <v>1</v>
      </c>
      <c r="D26" s="13">
        <v>0</v>
      </c>
      <c r="E26" s="10">
        <v>219</v>
      </c>
      <c r="F26" s="8">
        <v>180</v>
      </c>
      <c r="G26" s="9">
        <v>169</v>
      </c>
      <c r="H26" s="10">
        <v>349</v>
      </c>
      <c r="I26" s="8">
        <v>2</v>
      </c>
      <c r="J26" s="9">
        <v>1</v>
      </c>
      <c r="K26" s="10">
        <v>3</v>
      </c>
      <c r="L26" s="8">
        <v>182</v>
      </c>
      <c r="M26" s="9">
        <v>170</v>
      </c>
      <c r="N26" s="10">
        <v>352</v>
      </c>
    </row>
    <row r="27" spans="1:14" ht="18" customHeight="1" x14ac:dyDescent="0.4">
      <c r="A27" s="2" t="s">
        <v>20</v>
      </c>
      <c r="B27" s="8">
        <v>1905</v>
      </c>
      <c r="C27" s="9">
        <v>18</v>
      </c>
      <c r="D27" s="13">
        <v>12</v>
      </c>
      <c r="E27" s="10">
        <v>1935</v>
      </c>
      <c r="F27" s="8">
        <v>2155</v>
      </c>
      <c r="G27" s="9">
        <v>2146</v>
      </c>
      <c r="H27" s="10">
        <v>4301</v>
      </c>
      <c r="I27" s="8">
        <v>13</v>
      </c>
      <c r="J27" s="9">
        <v>21</v>
      </c>
      <c r="K27" s="10">
        <v>34</v>
      </c>
      <c r="L27" s="8">
        <v>2168</v>
      </c>
      <c r="M27" s="9">
        <v>2167</v>
      </c>
      <c r="N27" s="10">
        <v>4335</v>
      </c>
    </row>
    <row r="28" spans="1:14" ht="18" customHeight="1" x14ac:dyDescent="0.4">
      <c r="A28" s="2" t="s">
        <v>21</v>
      </c>
      <c r="B28" s="8">
        <v>847</v>
      </c>
      <c r="C28" s="9">
        <v>15</v>
      </c>
      <c r="D28" s="13">
        <v>8</v>
      </c>
      <c r="E28" s="10">
        <v>870</v>
      </c>
      <c r="F28" s="8">
        <v>1025</v>
      </c>
      <c r="G28" s="9">
        <v>1076</v>
      </c>
      <c r="H28" s="10">
        <v>2101</v>
      </c>
      <c r="I28" s="8">
        <v>21</v>
      </c>
      <c r="J28" s="9">
        <v>11</v>
      </c>
      <c r="K28" s="10">
        <v>32</v>
      </c>
      <c r="L28" s="8">
        <v>1046</v>
      </c>
      <c r="M28" s="9">
        <v>1087</v>
      </c>
      <c r="N28" s="10">
        <v>2133</v>
      </c>
    </row>
    <row r="29" spans="1:14" ht="18" customHeight="1" x14ac:dyDescent="0.4">
      <c r="A29" s="2" t="s">
        <v>22</v>
      </c>
      <c r="B29" s="8">
        <v>2459</v>
      </c>
      <c r="C29" s="9">
        <v>48</v>
      </c>
      <c r="D29" s="13">
        <v>22</v>
      </c>
      <c r="E29" s="10">
        <v>2529</v>
      </c>
      <c r="F29" s="8">
        <v>2466</v>
      </c>
      <c r="G29" s="9">
        <v>2611</v>
      </c>
      <c r="H29" s="10">
        <v>5077</v>
      </c>
      <c r="I29" s="8">
        <v>51</v>
      </c>
      <c r="J29" s="9">
        <v>38</v>
      </c>
      <c r="K29" s="10">
        <v>89</v>
      </c>
      <c r="L29" s="8">
        <v>2517</v>
      </c>
      <c r="M29" s="9">
        <v>2649</v>
      </c>
      <c r="N29" s="10">
        <v>5166</v>
      </c>
    </row>
    <row r="30" spans="1:14" ht="18" customHeight="1" x14ac:dyDescent="0.4">
      <c r="A30" s="2" t="s">
        <v>23</v>
      </c>
      <c r="B30" s="8">
        <v>2404</v>
      </c>
      <c r="C30" s="9">
        <v>49</v>
      </c>
      <c r="D30" s="13">
        <v>9</v>
      </c>
      <c r="E30" s="10">
        <v>2462</v>
      </c>
      <c r="F30" s="8">
        <v>2781</v>
      </c>
      <c r="G30" s="9">
        <v>2957</v>
      </c>
      <c r="H30" s="10">
        <v>5738</v>
      </c>
      <c r="I30" s="8">
        <v>53</v>
      </c>
      <c r="J30" s="9">
        <v>6</v>
      </c>
      <c r="K30" s="10">
        <v>59</v>
      </c>
      <c r="L30" s="8">
        <v>2834</v>
      </c>
      <c r="M30" s="9">
        <v>2963</v>
      </c>
      <c r="N30" s="10">
        <v>5797</v>
      </c>
    </row>
    <row r="31" spans="1:14" ht="18" customHeight="1" x14ac:dyDescent="0.4">
      <c r="A31" s="2" t="s">
        <v>24</v>
      </c>
      <c r="B31" s="8">
        <v>1265</v>
      </c>
      <c r="C31" s="9">
        <v>12</v>
      </c>
      <c r="D31" s="13">
        <v>11</v>
      </c>
      <c r="E31" s="10">
        <v>1288</v>
      </c>
      <c r="F31" s="8">
        <v>1333</v>
      </c>
      <c r="G31" s="9">
        <v>1420</v>
      </c>
      <c r="H31" s="10">
        <v>2753</v>
      </c>
      <c r="I31" s="8">
        <v>15</v>
      </c>
      <c r="J31" s="9">
        <v>12</v>
      </c>
      <c r="K31" s="10">
        <v>27</v>
      </c>
      <c r="L31" s="8">
        <v>1348</v>
      </c>
      <c r="M31" s="9">
        <v>1432</v>
      </c>
      <c r="N31" s="10">
        <v>2780</v>
      </c>
    </row>
    <row r="32" spans="1:14" ht="18" customHeight="1" x14ac:dyDescent="0.4">
      <c r="A32" s="2" t="s">
        <v>25</v>
      </c>
      <c r="B32" s="8">
        <v>2622</v>
      </c>
      <c r="C32" s="9">
        <v>18</v>
      </c>
      <c r="D32" s="13">
        <v>16</v>
      </c>
      <c r="E32" s="10">
        <v>2656</v>
      </c>
      <c r="F32" s="8">
        <v>3213</v>
      </c>
      <c r="G32" s="9">
        <v>3201</v>
      </c>
      <c r="H32" s="10">
        <v>6414</v>
      </c>
      <c r="I32" s="8">
        <v>29</v>
      </c>
      <c r="J32" s="9">
        <v>21</v>
      </c>
      <c r="K32" s="10">
        <v>50</v>
      </c>
      <c r="L32" s="8">
        <v>3242</v>
      </c>
      <c r="M32" s="9">
        <v>3222</v>
      </c>
      <c r="N32" s="10">
        <v>6464</v>
      </c>
    </row>
    <row r="33" spans="1:14" ht="18" customHeight="1" x14ac:dyDescent="0.4">
      <c r="A33" s="2" t="s">
        <v>26</v>
      </c>
      <c r="B33" s="8">
        <v>3538</v>
      </c>
      <c r="C33" s="9">
        <v>46</v>
      </c>
      <c r="D33" s="13">
        <v>46</v>
      </c>
      <c r="E33" s="10">
        <v>3630</v>
      </c>
      <c r="F33" s="8">
        <v>3904</v>
      </c>
      <c r="G33" s="9">
        <v>4323</v>
      </c>
      <c r="H33" s="10">
        <v>8227</v>
      </c>
      <c r="I33" s="8">
        <v>86</v>
      </c>
      <c r="J33" s="9">
        <v>40</v>
      </c>
      <c r="K33" s="10">
        <v>126</v>
      </c>
      <c r="L33" s="8">
        <v>3990</v>
      </c>
      <c r="M33" s="9">
        <v>4363</v>
      </c>
      <c r="N33" s="10">
        <v>8353</v>
      </c>
    </row>
    <row r="34" spans="1:14" ht="18" customHeight="1" x14ac:dyDescent="0.4">
      <c r="A34" s="2" t="s">
        <v>27</v>
      </c>
      <c r="B34" s="8">
        <v>2061</v>
      </c>
      <c r="C34" s="9">
        <v>18</v>
      </c>
      <c r="D34" s="13">
        <v>14</v>
      </c>
      <c r="E34" s="10">
        <v>2093</v>
      </c>
      <c r="F34" s="8">
        <v>2204</v>
      </c>
      <c r="G34" s="9">
        <v>2234</v>
      </c>
      <c r="H34" s="10">
        <v>4438</v>
      </c>
      <c r="I34" s="8">
        <v>24</v>
      </c>
      <c r="J34" s="9">
        <v>21</v>
      </c>
      <c r="K34" s="10">
        <v>45</v>
      </c>
      <c r="L34" s="8">
        <v>2228</v>
      </c>
      <c r="M34" s="9">
        <v>2255</v>
      </c>
      <c r="N34" s="10">
        <v>4483</v>
      </c>
    </row>
    <row r="35" spans="1:14" ht="18" customHeight="1" x14ac:dyDescent="0.4">
      <c r="A35" s="2" t="s">
        <v>28</v>
      </c>
      <c r="B35" s="8">
        <v>421</v>
      </c>
      <c r="C35" s="9">
        <v>4</v>
      </c>
      <c r="D35" s="13">
        <v>4</v>
      </c>
      <c r="E35" s="10">
        <v>429</v>
      </c>
      <c r="F35" s="8">
        <v>516</v>
      </c>
      <c r="G35" s="9">
        <v>556</v>
      </c>
      <c r="H35" s="10">
        <v>1072</v>
      </c>
      <c r="I35" s="8">
        <v>7</v>
      </c>
      <c r="J35" s="9">
        <v>1</v>
      </c>
      <c r="K35" s="10">
        <v>8</v>
      </c>
      <c r="L35" s="8">
        <v>523</v>
      </c>
      <c r="M35" s="9">
        <v>557</v>
      </c>
      <c r="N35" s="10">
        <v>1080</v>
      </c>
    </row>
    <row r="36" spans="1:14" ht="18" customHeight="1" x14ac:dyDescent="0.4">
      <c r="A36" s="2" t="s">
        <v>29</v>
      </c>
      <c r="B36" s="8">
        <v>3077</v>
      </c>
      <c r="C36" s="9">
        <v>67</v>
      </c>
      <c r="D36" s="13">
        <v>41</v>
      </c>
      <c r="E36" s="10">
        <v>3185</v>
      </c>
      <c r="F36" s="8">
        <v>3347</v>
      </c>
      <c r="G36" s="9">
        <v>3596</v>
      </c>
      <c r="H36" s="10">
        <v>6943</v>
      </c>
      <c r="I36" s="8">
        <v>87</v>
      </c>
      <c r="J36" s="9">
        <v>47</v>
      </c>
      <c r="K36" s="10">
        <v>134</v>
      </c>
      <c r="L36" s="8">
        <v>3434</v>
      </c>
      <c r="M36" s="9">
        <v>3643</v>
      </c>
      <c r="N36" s="10">
        <v>7077</v>
      </c>
    </row>
    <row r="37" spans="1:14" ht="18" customHeight="1" x14ac:dyDescent="0.4">
      <c r="A37" s="2" t="s">
        <v>30</v>
      </c>
      <c r="B37" s="8">
        <v>1789</v>
      </c>
      <c r="C37" s="9">
        <v>31</v>
      </c>
      <c r="D37" s="13">
        <v>20</v>
      </c>
      <c r="E37" s="10">
        <v>1840</v>
      </c>
      <c r="F37" s="8">
        <v>1845</v>
      </c>
      <c r="G37" s="9">
        <v>2179</v>
      </c>
      <c r="H37" s="10">
        <v>4024</v>
      </c>
      <c r="I37" s="8">
        <v>51</v>
      </c>
      <c r="J37" s="9">
        <v>18</v>
      </c>
      <c r="K37" s="10">
        <v>69</v>
      </c>
      <c r="L37" s="8">
        <v>1896</v>
      </c>
      <c r="M37" s="9">
        <v>2197</v>
      </c>
      <c r="N37" s="10">
        <v>4093</v>
      </c>
    </row>
    <row r="38" spans="1:14" ht="18" customHeight="1" x14ac:dyDescent="0.4">
      <c r="A38" s="2" t="s">
        <v>31</v>
      </c>
      <c r="B38" s="8">
        <v>3892</v>
      </c>
      <c r="C38" s="9">
        <v>61</v>
      </c>
      <c r="D38" s="13">
        <v>36</v>
      </c>
      <c r="E38" s="10">
        <v>3989</v>
      </c>
      <c r="F38" s="8">
        <v>4447</v>
      </c>
      <c r="G38" s="9">
        <v>4624</v>
      </c>
      <c r="H38" s="10">
        <v>9071</v>
      </c>
      <c r="I38" s="8">
        <v>74</v>
      </c>
      <c r="J38" s="9">
        <v>42</v>
      </c>
      <c r="K38" s="10">
        <v>116</v>
      </c>
      <c r="L38" s="8">
        <v>4521</v>
      </c>
      <c r="M38" s="9">
        <v>4666</v>
      </c>
      <c r="N38" s="10">
        <v>9187</v>
      </c>
    </row>
    <row r="39" spans="1:14" ht="18" customHeight="1" x14ac:dyDescent="0.4">
      <c r="A39" s="2" t="s">
        <v>32</v>
      </c>
      <c r="B39" s="8">
        <v>1443</v>
      </c>
      <c r="C39" s="9">
        <v>8</v>
      </c>
      <c r="D39" s="13">
        <v>15</v>
      </c>
      <c r="E39" s="10">
        <v>1466</v>
      </c>
      <c r="F39" s="8">
        <v>1716</v>
      </c>
      <c r="G39" s="9">
        <v>1930</v>
      </c>
      <c r="H39" s="10">
        <v>3646</v>
      </c>
      <c r="I39" s="8">
        <v>12</v>
      </c>
      <c r="J39" s="9">
        <v>13</v>
      </c>
      <c r="K39" s="10">
        <v>25</v>
      </c>
      <c r="L39" s="8">
        <v>1728</v>
      </c>
      <c r="M39" s="9">
        <v>1943</v>
      </c>
      <c r="N39" s="10">
        <v>3671</v>
      </c>
    </row>
    <row r="40" spans="1:14" ht="18" customHeight="1" x14ac:dyDescent="0.4">
      <c r="A40" s="2" t="s">
        <v>33</v>
      </c>
      <c r="B40" s="8">
        <v>421</v>
      </c>
      <c r="C40" s="9">
        <v>3</v>
      </c>
      <c r="D40" s="13">
        <v>7</v>
      </c>
      <c r="E40" s="10">
        <v>431</v>
      </c>
      <c r="F40" s="8">
        <v>467</v>
      </c>
      <c r="G40" s="9">
        <v>489</v>
      </c>
      <c r="H40" s="10">
        <v>956</v>
      </c>
      <c r="I40" s="8">
        <v>7</v>
      </c>
      <c r="J40" s="9">
        <v>6</v>
      </c>
      <c r="K40" s="10">
        <v>13</v>
      </c>
      <c r="L40" s="8">
        <v>474</v>
      </c>
      <c r="M40" s="9">
        <v>495</v>
      </c>
      <c r="N40" s="10">
        <v>969</v>
      </c>
    </row>
    <row r="41" spans="1:14" ht="18" customHeight="1" x14ac:dyDescent="0.4">
      <c r="A41" s="2" t="s">
        <v>34</v>
      </c>
      <c r="B41" s="8">
        <v>1118</v>
      </c>
      <c r="C41" s="9">
        <v>11</v>
      </c>
      <c r="D41" s="13">
        <v>7</v>
      </c>
      <c r="E41" s="10">
        <v>1136</v>
      </c>
      <c r="F41" s="8">
        <v>1184</v>
      </c>
      <c r="G41" s="9">
        <v>1229</v>
      </c>
      <c r="H41" s="10">
        <v>2413</v>
      </c>
      <c r="I41" s="8">
        <v>15</v>
      </c>
      <c r="J41" s="9">
        <v>6</v>
      </c>
      <c r="K41" s="10">
        <v>21</v>
      </c>
      <c r="L41" s="8">
        <v>1199</v>
      </c>
      <c r="M41" s="9">
        <v>1235</v>
      </c>
      <c r="N41" s="10">
        <v>2434</v>
      </c>
    </row>
    <row r="42" spans="1:14" ht="18" customHeight="1" x14ac:dyDescent="0.4">
      <c r="A42" s="2" t="s">
        <v>35</v>
      </c>
      <c r="B42" s="8">
        <v>1050</v>
      </c>
      <c r="C42" s="9">
        <v>1</v>
      </c>
      <c r="D42" s="13">
        <v>7</v>
      </c>
      <c r="E42" s="10">
        <v>1058</v>
      </c>
      <c r="F42" s="8">
        <v>1184</v>
      </c>
      <c r="G42" s="9">
        <v>1308</v>
      </c>
      <c r="H42" s="10">
        <v>2492</v>
      </c>
      <c r="I42" s="8">
        <v>7</v>
      </c>
      <c r="J42" s="9">
        <v>2</v>
      </c>
      <c r="K42" s="10">
        <v>9</v>
      </c>
      <c r="L42" s="8">
        <v>1191</v>
      </c>
      <c r="M42" s="9">
        <v>1310</v>
      </c>
      <c r="N42" s="10">
        <v>2501</v>
      </c>
    </row>
    <row r="43" spans="1:14" ht="18" customHeight="1" x14ac:dyDescent="0.4">
      <c r="A43" s="2" t="s">
        <v>36</v>
      </c>
      <c r="B43" s="8">
        <v>1147</v>
      </c>
      <c r="C43" s="9">
        <v>23</v>
      </c>
      <c r="D43" s="13">
        <v>9</v>
      </c>
      <c r="E43" s="10">
        <v>1179</v>
      </c>
      <c r="F43" s="8">
        <v>1337</v>
      </c>
      <c r="G43" s="9">
        <v>1335</v>
      </c>
      <c r="H43" s="10">
        <v>2672</v>
      </c>
      <c r="I43" s="8">
        <v>22</v>
      </c>
      <c r="J43" s="9">
        <v>19</v>
      </c>
      <c r="K43" s="10">
        <v>41</v>
      </c>
      <c r="L43" s="8">
        <v>1359</v>
      </c>
      <c r="M43" s="9">
        <v>1354</v>
      </c>
      <c r="N43" s="10">
        <v>2713</v>
      </c>
    </row>
    <row r="44" spans="1:14" ht="18" customHeight="1" x14ac:dyDescent="0.4">
      <c r="A44" s="2" t="s">
        <v>37</v>
      </c>
      <c r="B44" s="8">
        <v>158</v>
      </c>
      <c r="C44" s="9">
        <v>3</v>
      </c>
      <c r="D44" s="13">
        <v>1</v>
      </c>
      <c r="E44" s="10">
        <v>162</v>
      </c>
      <c r="F44" s="8">
        <v>104</v>
      </c>
      <c r="G44" s="9">
        <v>178</v>
      </c>
      <c r="H44" s="10">
        <v>282</v>
      </c>
      <c r="I44" s="8">
        <v>2</v>
      </c>
      <c r="J44" s="9">
        <v>4</v>
      </c>
      <c r="K44" s="10">
        <v>6</v>
      </c>
      <c r="L44" s="8">
        <v>106</v>
      </c>
      <c r="M44" s="9">
        <v>182</v>
      </c>
      <c r="N44" s="10">
        <v>288</v>
      </c>
    </row>
    <row r="45" spans="1:14" ht="18" customHeight="1" x14ac:dyDescent="0.4">
      <c r="A45" s="2"/>
      <c r="B45" s="8"/>
      <c r="C45" s="9"/>
      <c r="D45" s="13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3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3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3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3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3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3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4" t="s">
        <v>51</v>
      </c>
      <c r="B52" s="8">
        <v>63690</v>
      </c>
      <c r="C52" s="9">
        <v>848</v>
      </c>
      <c r="D52" s="13">
        <v>533</v>
      </c>
      <c r="E52" s="10">
        <v>65071</v>
      </c>
      <c r="F52" s="8">
        <v>68462</v>
      </c>
      <c r="G52" s="9">
        <v>72784</v>
      </c>
      <c r="H52" s="10">
        <v>141246</v>
      </c>
      <c r="I52" s="8">
        <v>1095</v>
      </c>
      <c r="J52" s="9">
        <v>672</v>
      </c>
      <c r="K52" s="10">
        <v>1767</v>
      </c>
      <c r="L52" s="8">
        <v>69557</v>
      </c>
      <c r="M52" s="9">
        <v>73456</v>
      </c>
      <c r="N52" s="10">
        <v>143013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1-10-04T07:53:07Z</dcterms:modified>
</cp:coreProperties>
</file>